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4-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4-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alphenaandenrij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CDC93B2E-C81F-44F0-B1C4-DA517731F7B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11910" y="4984522"/>
            <a:ext cx="2400662" cy="165645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B2026ED2-3D05-CFBA-931D-8A0CB25BC81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78357" y="4224385"/>
            <a:ext cx="1573347" cy="108561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6-24T13:02:45Z</dcterms:modified>
</cp:coreProperties>
</file>